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105" d="100"/>
          <a:sy n="105" d="100"/>
        </p:scale>
        <p:origin x="852" y="8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4-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4-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landgraaf/"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5C281ED1-2183-D453-6F19-B05DA13ADFF9}"/>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1561" y="5124806"/>
            <a:ext cx="2132986" cy="154428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57AD0A69-4211-E164-E4D8-2DF010532F0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79419" y="4161830"/>
            <a:ext cx="1735356" cy="125639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9-04T14:14:37Z</dcterms:modified>
</cp:coreProperties>
</file>